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750" yWindow="630" windowWidth="11415" windowHeight="6090"/>
  </bookViews>
  <sheets>
    <sheet name="Reporte de Formatos" sheetId="1" r:id="rId1"/>
  </sheets>
  <calcPr calcId="0"/>
</workbook>
</file>

<file path=xl/sharedStrings.xml><?xml version="1.0" encoding="utf-8"?>
<sst xmlns="http://schemas.openxmlformats.org/spreadsheetml/2006/main" count="342" uniqueCount="113">
  <si>
    <t>TÍTULO</t>
  </si>
  <si>
    <t>NOMBRE CORTO</t>
  </si>
  <si>
    <t>DESCRIPCIÓN</t>
  </si>
  <si>
    <t>Inventario_Inventario de altas practicadas a bienes muebles</t>
  </si>
  <si>
    <t>LTAIPEJM8FV-R2</t>
  </si>
  <si>
    <t>Inventario de altas practicadas a bienes muebles, el cual se realizará con base en la normatividad aplicable en la materia.</t>
  </si>
  <si>
    <t>1</t>
  </si>
  <si>
    <t>4</t>
  </si>
  <si>
    <t>2</t>
  </si>
  <si>
    <t>6</t>
  </si>
  <si>
    <t>13</t>
  </si>
  <si>
    <t>14</t>
  </si>
  <si>
    <t>389961</t>
  </si>
  <si>
    <t>389962</t>
  </si>
  <si>
    <t>389963</t>
  </si>
  <si>
    <t>389955</t>
  </si>
  <si>
    <t>389966</t>
  </si>
  <si>
    <t>389956</t>
  </si>
  <si>
    <t>389957</t>
  </si>
  <si>
    <t>389959</t>
  </si>
  <si>
    <t>389964</t>
  </si>
  <si>
    <t>389960</t>
  </si>
  <si>
    <t>389965</t>
  </si>
  <si>
    <t>Tabla Campos</t>
  </si>
  <si>
    <t>Ejercicio</t>
  </si>
  <si>
    <t>Fecha de inicio del periodo que se informa</t>
  </si>
  <si>
    <t>Fecha de término del periodo que se informa</t>
  </si>
  <si>
    <t>Descripción del bien</t>
  </si>
  <si>
    <t>Número de inventario</t>
  </si>
  <si>
    <t>Causa de alta</t>
  </si>
  <si>
    <t>Fecha de alta</t>
  </si>
  <si>
    <t>Valor del bien a la fecha de alta</t>
  </si>
  <si>
    <t>Área(s) responsable(s) que genera(n), posee(n), publica(n) y actualizan la información</t>
  </si>
  <si>
    <t>Fecha de actualización</t>
  </si>
  <si>
    <t>Nota</t>
  </si>
  <si>
    <t>Departamento de Bienes Muebles</t>
  </si>
  <si>
    <t>Es importante mencionar que los valores unitarios de los bienes muebles están en proceso de actualización de acuerdo a los criterios establecidos para el control, registro, guarda y custodia por el Consejo Nacional de Armonización Contable, por lo que en los archivos anteriores podrá encontrar los valores con los que actualmente se cuenta.</t>
  </si>
  <si>
    <t>Mobiliario Y Equipo\Equipo de Fotografia\Cámara Fotográfica\CANON\EOS\Negro\282022000635</t>
  </si>
  <si>
    <t>ORDEN DE COMPRA 20250364 CAMARA FOTOGRAFICA EOS R8 24,2MPX, 5 AÑOS DE VIDA ÚTIL ESTABLECIDOS EN LOS PARAMETROS DE ESTIMACION, 1 AÑO DE GARANTÍA.</t>
  </si>
  <si>
    <t>Mobiliario Y Equipo\Equipo de Fotografia\Cámara Fotográfica\CANON\OES\Negro\602229001296</t>
  </si>
  <si>
    <t>ORDEN DE COMPRA 20250364 CAMARA FOTOGRAFICA EOS R5 45MPX, 5 AÑOS DE VIDA ÚTIL ESTABLECIDOS EN LOS PARAMETROS DE ESTIMACION, 1 AÑO DE GARANTÍA.</t>
  </si>
  <si>
    <t>Mobiliario Y Equipo\Equipo de Fotografia\Lente\CANON\8L 15-35 MM\Negro\4920000680</t>
  </si>
  <si>
    <t>ORDEN DE COMPRA 20250364 LENTE RF 15-35MM F2 8L iS USM, 5 AÑOS DE VIDA ÚTIL ESTABLECIDOS EN LOS PARAMETROS DE ESTIMACION, 1 AÑO DE GARANTÍA.</t>
  </si>
  <si>
    <t>Mobiliario Y Equipo\Equipo de Fotografia\Lente\CANON\8L 70-200 MM\Negro\4860000927</t>
  </si>
  <si>
    <t>ORDEN DE COMPRA 20250364 LENTE RF 70-200MM, F2 8L iS USM, 5 AÑOS DE VIDA ÚTIL ESTABLECIDOS EN LOS PARAMETROS DE ESTIMACION, 1 AÑO DE GARANTÍA.</t>
  </si>
  <si>
    <t>Refacciones y Herramientas\Equipo y Herramientas\Compresor\S/M\ND\S/C\202416706</t>
  </si>
  <si>
    <t>ORDEN DE COMPRA 20250239, COMPRESOR DE TORNILLO 15 HP, CON CONEXIÓN TRIFÁSICA, INDUSTRIAL, CON RANGO DE OPERACIÓN DE 0 A 215 PSI, 6 MESES DE GARANTÍA, 10 AÑOS DE VIDA ÚTIL ESTABLECIDOS EN LOS PARÁMETROS DE ESTIMACIÓN.</t>
  </si>
  <si>
    <t>Refacciones y Herramientas\Equipo y Herramientas\Hidrolavadora\S/M\ND\S/C\2501507428</t>
  </si>
  <si>
    <t>ORDEN DE COMPRA 20250239,HIDROLAVADORA PROFESIONAL, TIPO INDUSTRIAL, ELÉCTRICA, DE 7.5 HP, 3100 PSI, ACOPLADA UNA BOMBA DE ALTA PRESIÓN, MATERIAL DE ACERO, 6 MESES DE GARANTÍA, 10 AÑOS DE VIDA ÚTIL ESTABLECIDOS EN LOS PARÁMETROS DE ESTIMACIÓN.</t>
  </si>
  <si>
    <t>Refacciones y Herramientas\Equipo y Herramientas\Hidrolavadora\S/M\ND\S/C\2501507450</t>
  </si>
  <si>
    <t>Mobiliario Y Equipo\Equipo Diverso\Pintarron\ALFRA\ND\Blanco\ND</t>
  </si>
  <si>
    <t>FONDO REVOLVENTE OF.TESO/1446/2025, PEDESTAL PINTARRON DOBLE CARA DE ESCRITURA, METÁLICO, GIRATORIO, SCALETTA 120X150X200, 10 AÑOS DE VIDA ÚTIL ESTABLECIDOS EN LOS PARÁMETROS DE ESTIMACIÓN, GARANTÍA DE UN AÑO.</t>
  </si>
  <si>
    <t>Equipo de Computación\Equipo de Computación\Lap- Top\LENOVO\i5\Azul\PF56ZTCP</t>
  </si>
  <si>
    <t>ALTA MEDIANTE DECRETO D 24/32/25 DE FECHA 31 DE JULIO DEL 2025, LAPTOP INTEL CORE i5, 5 AÑOS DE VIDA ÚTIL ESTABLECIDOS EN LOS PARÁMETROS DE ESTIMACIÓN.</t>
  </si>
  <si>
    <t>19/09/2025</t>
  </si>
  <si>
    <t xml:space="preserve">"La depreciación de los bienes muebles está determinada por el documento en comento y debido a que se trata de documentos contables, la actualización de la depreciación está vinculada a la emisión de los estados financieros, mismos que se organizan, sistematizan y difunden, ""al menos, trimestralmente en sus respectivas páginas electrónicas de internet, a más tardar 30 días después del cierre del periodo que corresponda..."".
</t>
  </si>
  <si>
    <t>Radiotelecomunicaciones\Equipo de Comunicación\Repetidor\TP-LINK\ND\Blanco\ND</t>
  </si>
  <si>
    <t>ALTA MEDIANTE DECRETO D 24/32/25 DE FECHA 31 DE JULIO DEL 2025, REPETIDOR WIFI, 5 AÑOS DE VIDA ÚTIL ESTABLECIDOS EN LOS PARÁMETROS DE ESTIMACIÓN.</t>
  </si>
  <si>
    <t>Equipo de Computación\Equipo de Computación\Memoria Externa\MAXON\500GB\Azul\ND</t>
  </si>
  <si>
    <t>ALTA MEDIANTE DECRETO D 24/32/25 DE FECHA 31 DE JULIO DEL 2025, MEMORIA EXTERNA DE 500GB, 5 AÑOS DE VIDA ÚTIL ESTABLECIDOS EN LOS PARÁMETROS DE ESTIMACIÓN.</t>
  </si>
  <si>
    <t>Mobiliario Y Equipo\Equipo Diverso\Báscula digital\MAXON\N/D\S/C\S/N</t>
  </si>
  <si>
    <t>ALTA MEDIANTE DECRETO D 24/32/25 DE FECHA 31 DE JULIO DEL 2025, BÁSCULA Y CARGADOR TCS SYSTEM ELECTRONYC SCALE, 8 AÑOS DE VIDA ÚTIL ESTABLECIDOS EN LOS PARÁMETROS DE ESTIMACIÓN.</t>
  </si>
  <si>
    <t>Mobiliario Y Equipo\Equipo Diverso\Tambo\S/M\ND\Azul Claro\ND</t>
  </si>
  <si>
    <t>ALTA MEDIANTE DECRETO D 24/32/25 DE FECHA 31 DE JULIO DEL 2025, TAMBO AZUL DE 200 LITROS, 5 AÑOS DE VIDA ÚTIL ESTABLECIDOS EN LOS PARÁMETROS DE ESTIMACIÓN.</t>
  </si>
  <si>
    <t>Mobiliario Y Equipo\Equipo Diverso\Tarima\S/M\ND\Negro\ND</t>
  </si>
  <si>
    <t>ALTA MEDIANTE DECRETO D 24/32/25 DE FECHA 31 DE JULIO DEL 2025, TARIMA  NEGRA, 5 AÑOS DE VIDA ÚTIL ESTABLECIDOS EN LOS PARÁMETROS DE ESTIMACIÓN.</t>
  </si>
  <si>
    <t>ALTA MEDIANTE DECRETO D 24/32/25 DE FECHA 31 DE JULIO DEL 2025, TARIMA NEGRA, 5 AÑOS DE VIDA ÚTIL ESTABLECIDOS EN LOS PARÁMETROS DE ESTIMACIÓN.</t>
  </si>
  <si>
    <t>Mobiliario Y Equipo\Equipo Diverso\Super Saco\S/M\ND\S/C\ND</t>
  </si>
  <si>
    <t>ALTA MEDIANTE DECRETO D 24/32/25 DE FECHA 31 DE JULIO DEL 2025, SUPER SACO, 5 AÑOS DE VIDA ÚTIL ESTABLECIDOS EN LOS PARÁMETROS DE ESTIMACIÓN.</t>
  </si>
  <si>
    <t>Mobiliario Y Equipo\Equipo Diverso\Jaula\S/M\ND\S/C\ND</t>
  </si>
  <si>
    <t>ALTA MEDIANTE DECRETO D 24/32/25 DE FECHA 31 DE JULIO DEL 2025, JAULA DE ACERO PARA SUPER SACO, 5 AÑOS DE VIDA ÚTIL ESTABLECIDOS EN LOS PARÁMETROS DE ESTIMACIÓN.</t>
  </si>
  <si>
    <t>Mobiliario Y Equipo\Archiveros\Estante\S/M\ND\S/C\ND</t>
  </si>
  <si>
    <t>ALTA MEDIANTE DECRETO D 24/32/25 DE FECHA 31 DE JULIO DEL 2025, ESTANTERÍA, ANAQUEL DE 5 NIVELES, METÁLICO, 10 AÑOS DE VIDA ÚTIL ESTABLECIDOS EN LOS PARÁMETROS DE ESTIMACIÓN.</t>
  </si>
  <si>
    <t>Mobiliario Y Equipo\Equipo Diverso\Caja\S/M\ND\Gris Oscuro\ND</t>
  </si>
  <si>
    <t>ALTA MEDIANTE DECRETO D 24/32/25 DE FECHA 31 DE JULIO DEL 2025, CAJA DE PLÁSTICO PEQUEÑA CON TAPA, 5 AÑOS DE VIDA ÚTIL ESTABLECIDOS EN LOS PARÁMETROS DE ESTIMACIÓN.</t>
  </si>
  <si>
    <t>Mobiliario Y Equipo\Equipo Diverso\Caja\S/M\ND\Negro\ND</t>
  </si>
  <si>
    <t>ALTA MEDIANTE DECRETO D 24/32/25 DE FECHA 31 DE JULIO DEL 2025, CAJA DE PLÁSTICO NEGRA GRANDE CON TAPA AMARILLA, 5 AÑOS DE VIDA ÚTIL ESTABLECIDOS EN LOS PARÁMETROS DE ESTIMACIÓN.</t>
  </si>
  <si>
    <t>Mobiliario Y Equipo\Equipo Diverso\Charolas\S/M\ND\Negro\ND</t>
  </si>
  <si>
    <t>ALTA MEDIANTE DECRETO D 24/32/25 DE FECHA 31 DE JULIO DEL 2025, CHAROLA NEGRA DE PLÁSTICO, 5 AÑOS DE VIDA ÚTIL ESTABLECIDOS EN LOS PARÁMETROS DE ESTIMACIÓN.</t>
  </si>
  <si>
    <t>Mobiliario Y Equipo\Archiveros\Locker\S/M\ND\Gris\ND</t>
  </si>
  <si>
    <t>ALTA MEDIANTE DECRETO D 24/32/25 DE FECHA 31 DE JULIO DEL 2025, LOCKER METÁLICO GRIS, 3 GAVETAS, 10 AÑOS DE VIDA ÚTIL ESTABLECIDOS EN LOS PARÁMETROS DE ESTIMACIÓN.</t>
  </si>
  <si>
    <t>Mobiliario Y Equipo\Sillas y Sillones\Silla\S/M\ND\Negro\ND</t>
  </si>
  <si>
    <t>ALTA MEDIANTE DECRETO D 24/32/25 DE FECHA 31 DE JULIO DEL 2025, SILLA SECRETARIAL, ESTRELLA DE 5 PUNTAS, CON POSA BRAZOS, 5 AÑOS DE VIDA ÚTIL ESTABLECIDOS EN LOS PARÁMETROS DE ESTIMACIÓN.</t>
  </si>
  <si>
    <t>Mobiliario Y Equipo\Escritorios\Escritorio\S/M\ND\Negro\ND</t>
  </si>
  <si>
    <t>ALTA MEDIANTE DECRETO D 24/32/25 DE FECHA 31 DE JULIO DEL 2025, ESCRITORIO AGLOMERADO, 5 AÑOS DE VIDA ÚTIL ESTABLECIDOS EN LOS PARÁMETROS DE ESTIMACIÓN.</t>
  </si>
  <si>
    <t>Mobiliario Y Equipo\Equipo Diverso\Periódico Mural\S/M\ND\S/C\ND</t>
  </si>
  <si>
    <t>ALTA MEDIANTE DECRETO D 24/32/25 DE FECHA 31 DE JULIO DEL 2025, PERIÓDICO MURAL, RECTANGULAR, METÁLICO, 10 AÑOS DE VIDA ÚTIL ESTABLECIDOS EN LOS PARÁMETROS DE ESTIMACIÓN.</t>
  </si>
  <si>
    <t>Mobiliario Y Equipo\Equipo Diverso\Ventilador\S/M\ND\Blanco\ND</t>
  </si>
  <si>
    <t>ALTA MEDIANTE DECRETO D 24/32/25 DE FECHA 31 DE JULIO DEL 2025, VENTILADOR DE PARED, RECTANGULAR, METÁLICO, 5 AÑOS DE VIDA ÚTIL ESTABLECIDOS EN LOS PARÁMETROS DE ESTIMACIÓN.</t>
  </si>
  <si>
    <t>Mobiliario Y Equipo\Equipo Diverso\Dispensador Manual\S/M\ND\Blanco\ND</t>
  </si>
  <si>
    <t>ALTA MEDIANTE DECRETO D 24/32/25 DE FECHA 31 DE JULIO DEL 2025, DISPENSADOR DE AGUA, FRIO/CALIENTE, 5 AÑOS DE VIDA ÚTIL ESTABLECIDOS EN LOS PARÁMETROS DE ESTIMACIÓN.</t>
  </si>
  <si>
    <t>Refacciones y Herramientas\Equipo y Herramientas\Extintor\S/M\ND\Rojo\ND</t>
  </si>
  <si>
    <t>ALTA MEDIANTE DECRETO D 24/32/25 DE FECHA 31 DE JULIO DEL 2025, EXTINTOR, POLVO QUÍMICO SECO DE 4.5, 1 AÑOS DE VIDA ÚTIL ESTABLECIDOS EN LOS PARÁMETROS DE ESTIMACIÓN.</t>
  </si>
  <si>
    <t>Mobiliario Y Equipo\Equipo Diverso\Botiquin\S/M\ND\S/C\ND</t>
  </si>
  <si>
    <t>ALTA MEDIANTE DECRETO D 24/32/25 DE FECHA 31 DE JULIO DEL 2025, BOTIQUÍN (CAJA METÁLICA E INSUMOS), 1 AÑOS DE VIDA ÚTIL ESTABLECIDOS EN LOS PARÁMETROS DE ESTIMACIÓN.</t>
  </si>
  <si>
    <t>Refacciones y Herramientas\Equipo y Herramientas\Pinza\S/M\ND\S/C\ND</t>
  </si>
  <si>
    <t>ALTA MEDIANTE DECRETO D 24/32/25 DE FECHA 31 DE JULIO DEL 2025,PINZA DE PUNTA LARGA Y PARA CORTE, 5 AÑOS DE VIDA ÚTIL ESTABLECIDOS EN LOS PARÁMETROS DE ESTIMACIÓN.</t>
  </si>
  <si>
    <t>Refacciones y Herramientas\Equipo y Herramientas\Diablo\FOREMAN\FODC400\S/C\ND</t>
  </si>
  <si>
    <t>ALTA MEDIANTE DECRETO D 24/32/25 DE FECHA 31 DE JULIO DEL 2025, DIABLO DE CARGA, 5 AÑOS DE VIDA ÚTIL ESTABLECIDOS EN LOS PARÁMETROS DE ESTIMACIÓN.</t>
  </si>
  <si>
    <t>Mobiliario Y Equipo\Mesas\Mesa Plegable\S/M\ND\S/C\ND</t>
  </si>
  <si>
    <t>ALTA MEDIANTE DECRETO D 24/32/25 DE FECHA 31 DE JULIO DEL 2025, MESA PLEGABLE PARA EXTERIORES, MEDIDAS DE 180X61X74 CMS, 5 AÑOS DE VIDA ÚTIL ESTABLECIDOS EN LOS PARÁMETROS DE ESTIMACIÓN.</t>
  </si>
  <si>
    <t>Mobiliario Y Equipo\Sillas y Sillones\Banca\S/M\ND\S/C\ND</t>
  </si>
  <si>
    <t>ALTA MEDIANTE DECRETO D 24/32/25 DE FECHA 31 DE JULIO DEL 2025, BANCA PLEGABLE MEDIDAS DE 180X28X43 CMS, 5 AÑOS DE VIDA ÚTIL ESTABLECIDOS EN LOS PARÁMETROS DE ESTIMACIÓN.</t>
  </si>
  <si>
    <t>Mobiliario Y Equipo\Mesas\Mesa\S/M\ND\S/C\ND</t>
  </si>
  <si>
    <t>ALTA MEDIANTE DECRETO D 24/32/25 DE FECHA 31 DE JULIO DEL 2025, MESA AUXILIAR PARA DISPENSADOR DE AGUA DE 43X53 CMS, 5 AÑOS DE VIDA ÚTIL ESTABLECIDOS EN LOS PARÁMETROS DE ESTIMACIÓN.</t>
  </si>
  <si>
    <t>Mobiliario Y Equipo\Equipo Diverso\Tablero\S/M\ND\S/C\S/N</t>
  </si>
  <si>
    <t>ORDEN DE COMPRA 20250240, TABLERO DE CONTROL PARA LA SALA DE SACRIFICIO DE BOVINOS Y PORCINOS DEL RASTRO MUNICIPAL, INCLUYE  INSTALACIÓN DE INTERRUPTORES, CANALIZACIÓN, SOPORTES, CABLEADO, VER ANEXO, 1 AÑO DE GARANTÍA, 15 AÑOS DE VIDA ÚTIL ESTABLECIDOS.</t>
  </si>
  <si>
    <t>24/09/2025</t>
  </si>
  <si>
    <t>Equipo de Computación\Equipo de Computación\Computadora de Escritorio\H.P.\P3 GEN 2\Negro\MXL5312BPY</t>
  </si>
  <si>
    <t>ORDEN DE COMPRA 20250327, COMPUTADORA DE ESCRITORIO, CORE ULTRA 5 225, 8GB DDR5, 1TB SSD, WIFI7, 3 AÑOS DE GARANTÍA, 5 AÑOS DE VIDA ÚTIL ESTABLECIDOS EN LOS PARÁMESTROS DE ESTIMACIÓN.</t>
  </si>
  <si>
    <t>Equipo de Computación\Equipo de Computación\Computadora de Escritorio\H.P.\P3 GEN 2\Negro\MXL5312BPX</t>
  </si>
  <si>
    <t>Equipo de Computación\Equipo de Computación\Computadora de Escritorio\H.P.\P3 GEN 2\Negro\MXL5312BPZ</t>
  </si>
  <si>
    <t>Equipo de Computación\Equipo de Computación\Computadora de Escritorio\H.P.\P3 GEN 2\Negro\MXL5312BQ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indexed="8"/>
      <name val="Calibri"/>
      <family val="2"/>
      <scheme val="minor"/>
    </font>
    <font>
      <sz val="12"/>
      <color theme="1"/>
      <name val="Seravek"/>
      <family val="2"/>
    </font>
    <font>
      <sz val="12"/>
      <color indexed="8"/>
      <name val="Seravek"/>
      <family val="2"/>
    </font>
    <font>
      <b/>
      <sz val="12"/>
      <color indexed="9"/>
      <name val="Seravek"/>
      <family val="2"/>
    </font>
    <font>
      <b/>
      <sz val="12"/>
      <color indexed="8"/>
      <name val="Seravek"/>
      <family val="2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2" fillId="0" borderId="0" xfId="0" applyFont="1" applyAlignment="1">
      <alignment horizontal="center"/>
    </xf>
    <xf numFmtId="0" fontId="2" fillId="0" borderId="0" xfId="0" applyFont="1"/>
    <xf numFmtId="0" fontId="3" fillId="2" borderId="1" xfId="0" applyFont="1" applyFill="1" applyBorder="1" applyAlignment="1">
      <alignment horizontal="center"/>
    </xf>
    <xf numFmtId="0" fontId="2" fillId="0" borderId="0" xfId="0" applyFont="1"/>
    <xf numFmtId="0" fontId="2" fillId="0" borderId="1" xfId="0" applyFont="1" applyBorder="1" applyAlignment="1">
      <alignment horizontal="center" vertical="center" wrapText="1"/>
    </xf>
    <xf numFmtId="14" fontId="2" fillId="0" borderId="1" xfId="0" applyNumberFormat="1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14" fontId="1" fillId="0" borderId="1" xfId="0" applyNumberFormat="1" applyFont="1" applyBorder="1" applyAlignment="1">
      <alignment horizontal="center" vertical="center" wrapText="1"/>
    </xf>
    <xf numFmtId="0" fontId="2" fillId="0" borderId="0" xfId="0" applyFont="1" applyAlignment="1">
      <alignment wrapText="1"/>
    </xf>
    <xf numFmtId="0" fontId="4" fillId="3" borderId="1" xfId="0" applyFont="1" applyFill="1" applyBorder="1"/>
    <xf numFmtId="0" fontId="4" fillId="0" borderId="0" xfId="0" applyFont="1"/>
    <xf numFmtId="0" fontId="4" fillId="0" borderId="0" xfId="0" applyFont="1"/>
    <xf numFmtId="0" fontId="4" fillId="3" borderId="1" xfId="0" applyFont="1" applyFill="1" applyBorder="1" applyAlignment="1">
      <alignment horizontal="center" wrapText="1"/>
    </xf>
    <xf numFmtId="0" fontId="4" fillId="3" borderId="2" xfId="0" applyFont="1" applyFill="1" applyBorder="1" applyAlignment="1">
      <alignment wrapText="1"/>
    </xf>
    <xf numFmtId="0" fontId="4" fillId="0" borderId="0" xfId="0" applyFont="1" applyAlignment="1">
      <alignment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76200</xdr:colOff>
      <xdr:row>0</xdr:row>
      <xdr:rowOff>152400</xdr:rowOff>
    </xdr:from>
    <xdr:to>
      <xdr:col>2</xdr:col>
      <xdr:colOff>762000</xdr:colOff>
      <xdr:row>0</xdr:row>
      <xdr:rowOff>1714500</xdr:rowOff>
    </xdr:to>
    <xdr:pic>
      <xdr:nvPicPr>
        <xdr:cNvPr id="2" name="2 Imagen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" y="152400"/>
          <a:ext cx="3876675" cy="156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9"/>
  <sheetViews>
    <sheetView tabSelected="1" zoomScaleNormal="100" workbookViewId="0">
      <selection sqref="A1:K1"/>
    </sheetView>
  </sheetViews>
  <sheetFormatPr baseColWidth="10" defaultColWidth="9.140625" defaultRowHeight="15.75" x14ac:dyDescent="0.25"/>
  <cols>
    <col min="1" max="1" width="11.28515625" style="2" customWidth="1"/>
    <col min="2" max="2" width="36.5703125" style="2" bestFit="1" customWidth="1"/>
    <col min="3" max="3" width="38.7109375" style="2" bestFit="1" customWidth="1"/>
    <col min="4" max="4" width="39.140625" style="2" customWidth="1"/>
    <col min="5" max="5" width="19.28515625" style="2" bestFit="1" customWidth="1"/>
    <col min="6" max="6" width="50.7109375" style="2" customWidth="1"/>
    <col min="7" max="7" width="13.140625" style="2" bestFit="1" customWidth="1"/>
    <col min="8" max="8" width="27.5703125" style="2" bestFit="1" customWidth="1"/>
    <col min="9" max="9" width="73.140625" style="2" bestFit="1" customWidth="1"/>
    <col min="10" max="10" width="20.140625" style="2" bestFit="1" customWidth="1"/>
    <col min="11" max="11" width="45.42578125" style="2" customWidth="1"/>
    <col min="12" max="16384" width="9.140625" style="2"/>
  </cols>
  <sheetData>
    <row r="1" spans="1:11" ht="159.75" customHeight="1" x14ac:dyDescent="0.25">
      <c r="A1" s="1"/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x14ac:dyDescent="0.25">
      <c r="A2" s="3" t="s">
        <v>0</v>
      </c>
      <c r="B2" s="4"/>
      <c r="C2" s="4"/>
      <c r="D2" s="3" t="s">
        <v>1</v>
      </c>
      <c r="E2" s="4"/>
      <c r="F2" s="4"/>
      <c r="G2" s="3" t="s">
        <v>2</v>
      </c>
      <c r="H2" s="4"/>
      <c r="I2" s="4"/>
    </row>
    <row r="3" spans="1:11" s="12" customFormat="1" ht="48.75" customHeight="1" x14ac:dyDescent="0.25">
      <c r="A3" s="10" t="s">
        <v>3</v>
      </c>
      <c r="B3" s="11"/>
      <c r="C3" s="11"/>
      <c r="D3" s="10" t="s">
        <v>4</v>
      </c>
      <c r="E3" s="11"/>
      <c r="F3" s="11"/>
      <c r="G3" s="14" t="s">
        <v>5</v>
      </c>
      <c r="H3" s="15"/>
      <c r="I3" s="15"/>
    </row>
    <row r="4" spans="1:11" hidden="1" x14ac:dyDescent="0.25">
      <c r="A4" s="2" t="s">
        <v>6</v>
      </c>
      <c r="B4" s="2" t="s">
        <v>7</v>
      </c>
      <c r="C4" s="2" t="s">
        <v>7</v>
      </c>
      <c r="D4" s="2" t="s">
        <v>8</v>
      </c>
      <c r="E4" s="2" t="s">
        <v>6</v>
      </c>
      <c r="F4" s="2" t="s">
        <v>8</v>
      </c>
      <c r="G4" s="2" t="s">
        <v>7</v>
      </c>
      <c r="H4" s="2" t="s">
        <v>9</v>
      </c>
      <c r="I4" s="2" t="s">
        <v>8</v>
      </c>
      <c r="J4" s="2" t="s">
        <v>10</v>
      </c>
      <c r="K4" s="2" t="s">
        <v>11</v>
      </c>
    </row>
    <row r="5" spans="1:11" hidden="1" x14ac:dyDescent="0.25">
      <c r="A5" s="2" t="s">
        <v>12</v>
      </c>
      <c r="B5" s="2" t="s">
        <v>13</v>
      </c>
      <c r="C5" s="2" t="s">
        <v>14</v>
      </c>
      <c r="D5" s="2" t="s">
        <v>15</v>
      </c>
      <c r="E5" s="2" t="s">
        <v>16</v>
      </c>
      <c r="F5" s="2" t="s">
        <v>17</v>
      </c>
      <c r="G5" s="2" t="s">
        <v>18</v>
      </c>
      <c r="H5" s="2" t="s">
        <v>19</v>
      </c>
      <c r="I5" s="2" t="s">
        <v>20</v>
      </c>
      <c r="J5" s="2" t="s">
        <v>21</v>
      </c>
      <c r="K5" s="2" t="s">
        <v>22</v>
      </c>
    </row>
    <row r="6" spans="1:11" x14ac:dyDescent="0.25">
      <c r="A6" s="3" t="s">
        <v>23</v>
      </c>
      <c r="B6" s="4"/>
      <c r="C6" s="4"/>
      <c r="D6" s="4"/>
      <c r="E6" s="4"/>
      <c r="F6" s="4"/>
      <c r="G6" s="4"/>
      <c r="H6" s="4"/>
      <c r="I6" s="4"/>
      <c r="J6" s="4"/>
      <c r="K6" s="4"/>
    </row>
    <row r="7" spans="1:11" s="12" customFormat="1" ht="31.5" x14ac:dyDescent="0.25">
      <c r="A7" s="13" t="s">
        <v>24</v>
      </c>
      <c r="B7" s="13" t="s">
        <v>25</v>
      </c>
      <c r="C7" s="13" t="s">
        <v>26</v>
      </c>
      <c r="D7" s="13" t="s">
        <v>27</v>
      </c>
      <c r="E7" s="13" t="s">
        <v>28</v>
      </c>
      <c r="F7" s="13" t="s">
        <v>29</v>
      </c>
      <c r="G7" s="13" t="s">
        <v>30</v>
      </c>
      <c r="H7" s="13" t="s">
        <v>31</v>
      </c>
      <c r="I7" s="13" t="s">
        <v>32</v>
      </c>
      <c r="J7" s="13" t="s">
        <v>33</v>
      </c>
      <c r="K7" s="13" t="s">
        <v>34</v>
      </c>
    </row>
    <row r="8" spans="1:11" s="9" customFormat="1" ht="141.75" x14ac:dyDescent="0.25">
      <c r="A8" s="5">
        <v>2025</v>
      </c>
      <c r="B8" s="6">
        <v>45901</v>
      </c>
      <c r="C8" s="6">
        <v>45930</v>
      </c>
      <c r="D8" s="7" t="s">
        <v>37</v>
      </c>
      <c r="E8" s="7">
        <v>310161</v>
      </c>
      <c r="F8" s="7" t="s">
        <v>38</v>
      </c>
      <c r="G8" s="8">
        <v>45904</v>
      </c>
      <c r="H8" s="7">
        <v>96454</v>
      </c>
      <c r="I8" s="7" t="s">
        <v>35</v>
      </c>
      <c r="J8" s="8">
        <v>45936</v>
      </c>
      <c r="K8" s="7" t="s">
        <v>36</v>
      </c>
    </row>
    <row r="9" spans="1:11" s="9" customFormat="1" ht="141.75" x14ac:dyDescent="0.25">
      <c r="A9" s="5">
        <v>2025</v>
      </c>
      <c r="B9" s="6">
        <v>45901</v>
      </c>
      <c r="C9" s="6">
        <v>45930</v>
      </c>
      <c r="D9" s="7" t="s">
        <v>39</v>
      </c>
      <c r="E9" s="7">
        <v>310162</v>
      </c>
      <c r="F9" s="7" t="s">
        <v>40</v>
      </c>
      <c r="G9" s="8">
        <v>45904</v>
      </c>
      <c r="H9" s="7">
        <v>39996.800000000003</v>
      </c>
      <c r="I9" s="7" t="s">
        <v>35</v>
      </c>
      <c r="J9" s="8">
        <v>45936</v>
      </c>
      <c r="K9" s="7" t="s">
        <v>36</v>
      </c>
    </row>
    <row r="10" spans="1:11" s="9" customFormat="1" ht="141.75" x14ac:dyDescent="0.25">
      <c r="A10" s="5">
        <v>2025</v>
      </c>
      <c r="B10" s="6">
        <v>45901</v>
      </c>
      <c r="C10" s="6">
        <v>45930</v>
      </c>
      <c r="D10" s="7" t="s">
        <v>41</v>
      </c>
      <c r="E10" s="7">
        <v>310163</v>
      </c>
      <c r="F10" s="7" t="s">
        <v>42</v>
      </c>
      <c r="G10" s="8">
        <v>45904</v>
      </c>
      <c r="H10" s="7">
        <v>58813.16</v>
      </c>
      <c r="I10" s="7" t="s">
        <v>35</v>
      </c>
      <c r="J10" s="8">
        <v>45936</v>
      </c>
      <c r="K10" s="7" t="s">
        <v>36</v>
      </c>
    </row>
    <row r="11" spans="1:11" s="9" customFormat="1" ht="141.75" x14ac:dyDescent="0.25">
      <c r="A11" s="5">
        <v>2025</v>
      </c>
      <c r="B11" s="6">
        <v>45901</v>
      </c>
      <c r="C11" s="6">
        <v>45930</v>
      </c>
      <c r="D11" s="7" t="s">
        <v>43</v>
      </c>
      <c r="E11" s="7">
        <v>310164</v>
      </c>
      <c r="F11" s="7" t="s">
        <v>44</v>
      </c>
      <c r="G11" s="8">
        <v>45904</v>
      </c>
      <c r="H11" s="7">
        <v>58813.16</v>
      </c>
      <c r="I11" s="7" t="s">
        <v>35</v>
      </c>
      <c r="J11" s="8">
        <v>45936</v>
      </c>
      <c r="K11" s="7" t="s">
        <v>36</v>
      </c>
    </row>
    <row r="12" spans="1:11" s="9" customFormat="1" ht="141.75" x14ac:dyDescent="0.25">
      <c r="A12" s="5">
        <v>2025</v>
      </c>
      <c r="B12" s="6">
        <v>45901</v>
      </c>
      <c r="C12" s="6">
        <v>45930</v>
      </c>
      <c r="D12" s="7" t="s">
        <v>45</v>
      </c>
      <c r="E12" s="7">
        <v>310165</v>
      </c>
      <c r="F12" s="7" t="s">
        <v>46</v>
      </c>
      <c r="G12" s="8">
        <v>45908</v>
      </c>
      <c r="H12" s="7">
        <v>361819.76</v>
      </c>
      <c r="I12" s="7" t="s">
        <v>35</v>
      </c>
      <c r="J12" s="8">
        <v>45936</v>
      </c>
      <c r="K12" s="7" t="s">
        <v>36</v>
      </c>
    </row>
    <row r="13" spans="1:11" s="9" customFormat="1" ht="141.75" x14ac:dyDescent="0.25">
      <c r="A13" s="5">
        <v>2025</v>
      </c>
      <c r="B13" s="6">
        <v>45901</v>
      </c>
      <c r="C13" s="6">
        <v>45930</v>
      </c>
      <c r="D13" s="7" t="s">
        <v>47</v>
      </c>
      <c r="E13" s="7">
        <v>310166</v>
      </c>
      <c r="F13" s="7" t="s">
        <v>48</v>
      </c>
      <c r="G13" s="8">
        <v>45908</v>
      </c>
      <c r="H13" s="7">
        <v>57593.16</v>
      </c>
      <c r="I13" s="7" t="s">
        <v>35</v>
      </c>
      <c r="J13" s="8">
        <v>45936</v>
      </c>
      <c r="K13" s="7" t="s">
        <v>36</v>
      </c>
    </row>
    <row r="14" spans="1:11" s="9" customFormat="1" ht="141.75" x14ac:dyDescent="0.25">
      <c r="A14" s="5">
        <v>2025</v>
      </c>
      <c r="B14" s="6">
        <v>45901</v>
      </c>
      <c r="C14" s="6">
        <v>45930</v>
      </c>
      <c r="D14" s="7" t="s">
        <v>49</v>
      </c>
      <c r="E14" s="7">
        <v>310167</v>
      </c>
      <c r="F14" s="7" t="s">
        <v>48</v>
      </c>
      <c r="G14" s="8">
        <v>45908</v>
      </c>
      <c r="H14" s="7">
        <v>57593.16</v>
      </c>
      <c r="I14" s="7" t="s">
        <v>35</v>
      </c>
      <c r="J14" s="8">
        <v>45936</v>
      </c>
      <c r="K14" s="7" t="s">
        <v>36</v>
      </c>
    </row>
    <row r="15" spans="1:11" s="9" customFormat="1" ht="141.75" x14ac:dyDescent="0.25">
      <c r="A15" s="5">
        <v>2025</v>
      </c>
      <c r="B15" s="6">
        <v>45901</v>
      </c>
      <c r="C15" s="6">
        <v>45930</v>
      </c>
      <c r="D15" s="7" t="s">
        <v>50</v>
      </c>
      <c r="E15" s="7">
        <v>310168</v>
      </c>
      <c r="F15" s="7" t="s">
        <v>51</v>
      </c>
      <c r="G15" s="8">
        <v>45910</v>
      </c>
      <c r="H15" s="7">
        <v>11226</v>
      </c>
      <c r="I15" s="7" t="s">
        <v>35</v>
      </c>
      <c r="J15" s="8">
        <v>45936</v>
      </c>
      <c r="K15" s="7" t="s">
        <v>36</v>
      </c>
    </row>
    <row r="16" spans="1:11" s="9" customFormat="1" ht="189" x14ac:dyDescent="0.25">
      <c r="A16" s="5">
        <v>2025</v>
      </c>
      <c r="B16" s="6">
        <v>45901</v>
      </c>
      <c r="C16" s="6">
        <v>45930</v>
      </c>
      <c r="D16" s="7" t="s">
        <v>52</v>
      </c>
      <c r="E16" s="7">
        <v>310169</v>
      </c>
      <c r="F16" s="7" t="s">
        <v>53</v>
      </c>
      <c r="G16" s="8" t="s">
        <v>54</v>
      </c>
      <c r="H16" s="7">
        <v>0.01</v>
      </c>
      <c r="I16" s="7" t="s">
        <v>35</v>
      </c>
      <c r="J16" s="8">
        <v>45936</v>
      </c>
      <c r="K16" s="5" t="s">
        <v>55</v>
      </c>
    </row>
    <row r="17" spans="1:11" s="9" customFormat="1" ht="189" x14ac:dyDescent="0.25">
      <c r="A17" s="5">
        <v>2025</v>
      </c>
      <c r="B17" s="6">
        <v>45901</v>
      </c>
      <c r="C17" s="6">
        <v>45930</v>
      </c>
      <c r="D17" s="7" t="s">
        <v>56</v>
      </c>
      <c r="E17" s="7">
        <v>310170</v>
      </c>
      <c r="F17" s="7" t="s">
        <v>57</v>
      </c>
      <c r="G17" s="8" t="s">
        <v>54</v>
      </c>
      <c r="H17" s="7">
        <v>0.01</v>
      </c>
      <c r="I17" s="7" t="s">
        <v>35</v>
      </c>
      <c r="J17" s="8">
        <v>45936</v>
      </c>
      <c r="K17" s="5" t="s">
        <v>55</v>
      </c>
    </row>
    <row r="18" spans="1:11" s="9" customFormat="1" ht="189" x14ac:dyDescent="0.25">
      <c r="A18" s="5">
        <v>2025</v>
      </c>
      <c r="B18" s="6">
        <v>45901</v>
      </c>
      <c r="C18" s="6">
        <v>45930</v>
      </c>
      <c r="D18" s="7" t="s">
        <v>58</v>
      </c>
      <c r="E18" s="7">
        <v>310171</v>
      </c>
      <c r="F18" s="7" t="s">
        <v>59</v>
      </c>
      <c r="G18" s="8" t="s">
        <v>54</v>
      </c>
      <c r="H18" s="7">
        <v>0.01</v>
      </c>
      <c r="I18" s="7" t="s">
        <v>35</v>
      </c>
      <c r="J18" s="8">
        <v>45936</v>
      </c>
      <c r="K18" s="5" t="s">
        <v>55</v>
      </c>
    </row>
    <row r="19" spans="1:11" s="9" customFormat="1" ht="189" x14ac:dyDescent="0.25">
      <c r="A19" s="5">
        <v>2025</v>
      </c>
      <c r="B19" s="6">
        <v>45901</v>
      </c>
      <c r="C19" s="6">
        <v>45930</v>
      </c>
      <c r="D19" s="7" t="s">
        <v>60</v>
      </c>
      <c r="E19" s="7">
        <v>310172</v>
      </c>
      <c r="F19" s="7" t="s">
        <v>61</v>
      </c>
      <c r="G19" s="8" t="s">
        <v>54</v>
      </c>
      <c r="H19" s="7">
        <v>0.01</v>
      </c>
      <c r="I19" s="7" t="s">
        <v>35</v>
      </c>
      <c r="J19" s="8">
        <v>45936</v>
      </c>
      <c r="K19" s="5" t="s">
        <v>55</v>
      </c>
    </row>
    <row r="20" spans="1:11" s="9" customFormat="1" ht="189" x14ac:dyDescent="0.25">
      <c r="A20" s="5">
        <v>2025</v>
      </c>
      <c r="B20" s="6">
        <v>45901</v>
      </c>
      <c r="C20" s="6">
        <v>45930</v>
      </c>
      <c r="D20" s="7" t="s">
        <v>62</v>
      </c>
      <c r="E20" s="7">
        <v>310173</v>
      </c>
      <c r="F20" s="7" t="s">
        <v>63</v>
      </c>
      <c r="G20" s="8" t="s">
        <v>54</v>
      </c>
      <c r="H20" s="7">
        <v>0.01</v>
      </c>
      <c r="I20" s="7" t="s">
        <v>35</v>
      </c>
      <c r="J20" s="8">
        <v>45936</v>
      </c>
      <c r="K20" s="5" t="s">
        <v>55</v>
      </c>
    </row>
    <row r="21" spans="1:11" s="9" customFormat="1" ht="189" x14ac:dyDescent="0.25">
      <c r="A21" s="5">
        <v>2025</v>
      </c>
      <c r="B21" s="6">
        <v>45901</v>
      </c>
      <c r="C21" s="6">
        <v>45930</v>
      </c>
      <c r="D21" s="7" t="s">
        <v>62</v>
      </c>
      <c r="E21" s="7">
        <v>310174</v>
      </c>
      <c r="F21" s="7" t="s">
        <v>63</v>
      </c>
      <c r="G21" s="8" t="s">
        <v>54</v>
      </c>
      <c r="H21" s="7">
        <v>0.01</v>
      </c>
      <c r="I21" s="7" t="s">
        <v>35</v>
      </c>
      <c r="J21" s="8">
        <v>45936</v>
      </c>
      <c r="K21" s="5" t="s">
        <v>55</v>
      </c>
    </row>
    <row r="22" spans="1:11" s="9" customFormat="1" ht="189" x14ac:dyDescent="0.25">
      <c r="A22" s="5">
        <v>2025</v>
      </c>
      <c r="B22" s="6">
        <v>45901</v>
      </c>
      <c r="C22" s="6">
        <v>45930</v>
      </c>
      <c r="D22" s="7" t="s">
        <v>62</v>
      </c>
      <c r="E22" s="7">
        <v>310175</v>
      </c>
      <c r="F22" s="7" t="s">
        <v>63</v>
      </c>
      <c r="G22" s="8" t="s">
        <v>54</v>
      </c>
      <c r="H22" s="7">
        <v>0.01</v>
      </c>
      <c r="I22" s="7" t="s">
        <v>35</v>
      </c>
      <c r="J22" s="8">
        <v>45936</v>
      </c>
      <c r="K22" s="5" t="s">
        <v>55</v>
      </c>
    </row>
    <row r="23" spans="1:11" s="9" customFormat="1" ht="189" x14ac:dyDescent="0.25">
      <c r="A23" s="5">
        <v>2025</v>
      </c>
      <c r="B23" s="6">
        <v>45901</v>
      </c>
      <c r="C23" s="6">
        <v>45930</v>
      </c>
      <c r="D23" s="7" t="s">
        <v>62</v>
      </c>
      <c r="E23" s="7">
        <v>310176</v>
      </c>
      <c r="F23" s="7" t="s">
        <v>63</v>
      </c>
      <c r="G23" s="8" t="s">
        <v>54</v>
      </c>
      <c r="H23" s="7">
        <v>0.01</v>
      </c>
      <c r="I23" s="7" t="s">
        <v>35</v>
      </c>
      <c r="J23" s="8">
        <v>45936</v>
      </c>
      <c r="K23" s="5" t="s">
        <v>55</v>
      </c>
    </row>
    <row r="24" spans="1:11" s="9" customFormat="1" ht="189" x14ac:dyDescent="0.25">
      <c r="A24" s="5">
        <v>2025</v>
      </c>
      <c r="B24" s="6">
        <v>45901</v>
      </c>
      <c r="C24" s="6">
        <v>45930</v>
      </c>
      <c r="D24" s="7" t="s">
        <v>62</v>
      </c>
      <c r="E24" s="7">
        <v>310177</v>
      </c>
      <c r="F24" s="7" t="s">
        <v>63</v>
      </c>
      <c r="G24" s="8" t="s">
        <v>54</v>
      </c>
      <c r="H24" s="7">
        <v>0.01</v>
      </c>
      <c r="I24" s="7" t="s">
        <v>35</v>
      </c>
      <c r="J24" s="8">
        <v>45936</v>
      </c>
      <c r="K24" s="5" t="s">
        <v>55</v>
      </c>
    </row>
    <row r="25" spans="1:11" s="9" customFormat="1" ht="189" x14ac:dyDescent="0.25">
      <c r="A25" s="5">
        <v>2025</v>
      </c>
      <c r="B25" s="6">
        <v>45901</v>
      </c>
      <c r="C25" s="6">
        <v>45930</v>
      </c>
      <c r="D25" s="7" t="s">
        <v>62</v>
      </c>
      <c r="E25" s="7">
        <v>310178</v>
      </c>
      <c r="F25" s="7" t="s">
        <v>63</v>
      </c>
      <c r="G25" s="8" t="s">
        <v>54</v>
      </c>
      <c r="H25" s="7">
        <v>0.01</v>
      </c>
      <c r="I25" s="7" t="s">
        <v>35</v>
      </c>
      <c r="J25" s="8">
        <v>45936</v>
      </c>
      <c r="K25" s="5" t="s">
        <v>55</v>
      </c>
    </row>
    <row r="26" spans="1:11" s="9" customFormat="1" ht="189" x14ac:dyDescent="0.25">
      <c r="A26" s="5">
        <v>2025</v>
      </c>
      <c r="B26" s="6">
        <v>45901</v>
      </c>
      <c r="C26" s="6">
        <v>45930</v>
      </c>
      <c r="D26" s="7" t="s">
        <v>62</v>
      </c>
      <c r="E26" s="7">
        <v>310179</v>
      </c>
      <c r="F26" s="7" t="s">
        <v>63</v>
      </c>
      <c r="G26" s="8" t="s">
        <v>54</v>
      </c>
      <c r="H26" s="7">
        <v>0.01</v>
      </c>
      <c r="I26" s="7" t="s">
        <v>35</v>
      </c>
      <c r="J26" s="8">
        <v>45936</v>
      </c>
      <c r="K26" s="5" t="s">
        <v>55</v>
      </c>
    </row>
    <row r="27" spans="1:11" s="9" customFormat="1" ht="189" x14ac:dyDescent="0.25">
      <c r="A27" s="5">
        <v>2025</v>
      </c>
      <c r="B27" s="6">
        <v>45901</v>
      </c>
      <c r="C27" s="6">
        <v>45930</v>
      </c>
      <c r="D27" s="7" t="s">
        <v>62</v>
      </c>
      <c r="E27" s="7">
        <v>310180</v>
      </c>
      <c r="F27" s="7" t="s">
        <v>63</v>
      </c>
      <c r="G27" s="8" t="s">
        <v>54</v>
      </c>
      <c r="H27" s="7">
        <v>0.01</v>
      </c>
      <c r="I27" s="7" t="s">
        <v>35</v>
      </c>
      <c r="J27" s="8">
        <v>45936</v>
      </c>
      <c r="K27" s="5" t="s">
        <v>55</v>
      </c>
    </row>
    <row r="28" spans="1:11" s="9" customFormat="1" ht="189" x14ac:dyDescent="0.25">
      <c r="A28" s="5">
        <v>2025</v>
      </c>
      <c r="B28" s="6">
        <v>45901</v>
      </c>
      <c r="C28" s="6">
        <v>45930</v>
      </c>
      <c r="D28" s="7" t="s">
        <v>64</v>
      </c>
      <c r="E28" s="7">
        <v>310181</v>
      </c>
      <c r="F28" s="7" t="s">
        <v>65</v>
      </c>
      <c r="G28" s="8" t="s">
        <v>54</v>
      </c>
      <c r="H28" s="7">
        <v>0.01</v>
      </c>
      <c r="I28" s="7" t="s">
        <v>35</v>
      </c>
      <c r="J28" s="8">
        <v>45936</v>
      </c>
      <c r="K28" s="5" t="s">
        <v>55</v>
      </c>
    </row>
    <row r="29" spans="1:11" s="9" customFormat="1" ht="189" x14ac:dyDescent="0.25">
      <c r="A29" s="5">
        <v>2025</v>
      </c>
      <c r="B29" s="6">
        <v>45901</v>
      </c>
      <c r="C29" s="6">
        <v>45930</v>
      </c>
      <c r="D29" s="7" t="s">
        <v>64</v>
      </c>
      <c r="E29" s="7">
        <v>310182</v>
      </c>
      <c r="F29" s="7" t="s">
        <v>65</v>
      </c>
      <c r="G29" s="8" t="s">
        <v>54</v>
      </c>
      <c r="H29" s="7">
        <v>0.01</v>
      </c>
      <c r="I29" s="7" t="s">
        <v>35</v>
      </c>
      <c r="J29" s="8">
        <v>45936</v>
      </c>
      <c r="K29" s="5" t="s">
        <v>55</v>
      </c>
    </row>
    <row r="30" spans="1:11" s="9" customFormat="1" ht="189" x14ac:dyDescent="0.25">
      <c r="A30" s="5">
        <v>2025</v>
      </c>
      <c r="B30" s="6">
        <v>45901</v>
      </c>
      <c r="C30" s="6">
        <v>45930</v>
      </c>
      <c r="D30" s="7" t="s">
        <v>64</v>
      </c>
      <c r="E30" s="7">
        <v>310183</v>
      </c>
      <c r="F30" s="7" t="s">
        <v>65</v>
      </c>
      <c r="G30" s="8" t="s">
        <v>54</v>
      </c>
      <c r="H30" s="7">
        <v>0.01</v>
      </c>
      <c r="I30" s="7" t="s">
        <v>35</v>
      </c>
      <c r="J30" s="8">
        <v>45936</v>
      </c>
      <c r="K30" s="5" t="s">
        <v>55</v>
      </c>
    </row>
    <row r="31" spans="1:11" s="9" customFormat="1" ht="189" x14ac:dyDescent="0.25">
      <c r="A31" s="5">
        <v>2025</v>
      </c>
      <c r="B31" s="6">
        <v>45901</v>
      </c>
      <c r="C31" s="6">
        <v>45930</v>
      </c>
      <c r="D31" s="7" t="s">
        <v>64</v>
      </c>
      <c r="E31" s="7">
        <v>310184</v>
      </c>
      <c r="F31" s="7" t="s">
        <v>66</v>
      </c>
      <c r="G31" s="8" t="s">
        <v>54</v>
      </c>
      <c r="H31" s="7">
        <v>0.01</v>
      </c>
      <c r="I31" s="7" t="s">
        <v>35</v>
      </c>
      <c r="J31" s="8">
        <v>45936</v>
      </c>
      <c r="K31" s="5" t="s">
        <v>55</v>
      </c>
    </row>
    <row r="32" spans="1:11" s="9" customFormat="1" ht="189" x14ac:dyDescent="0.25">
      <c r="A32" s="5">
        <v>2025</v>
      </c>
      <c r="B32" s="6">
        <v>45901</v>
      </c>
      <c r="C32" s="6">
        <v>45930</v>
      </c>
      <c r="D32" s="7" t="s">
        <v>67</v>
      </c>
      <c r="E32" s="7">
        <v>310185</v>
      </c>
      <c r="F32" s="7" t="s">
        <v>68</v>
      </c>
      <c r="G32" s="8" t="s">
        <v>54</v>
      </c>
      <c r="H32" s="7">
        <v>0.01</v>
      </c>
      <c r="I32" s="7" t="s">
        <v>35</v>
      </c>
      <c r="J32" s="8">
        <v>45936</v>
      </c>
      <c r="K32" s="5" t="s">
        <v>55</v>
      </c>
    </row>
    <row r="33" spans="1:11" s="9" customFormat="1" ht="189" x14ac:dyDescent="0.25">
      <c r="A33" s="5">
        <v>2025</v>
      </c>
      <c r="B33" s="6">
        <v>45901</v>
      </c>
      <c r="C33" s="6">
        <v>45930</v>
      </c>
      <c r="D33" s="7" t="s">
        <v>67</v>
      </c>
      <c r="E33" s="7">
        <v>310186</v>
      </c>
      <c r="F33" s="7" t="s">
        <v>68</v>
      </c>
      <c r="G33" s="8" t="s">
        <v>54</v>
      </c>
      <c r="H33" s="7">
        <v>0.01</v>
      </c>
      <c r="I33" s="7" t="s">
        <v>35</v>
      </c>
      <c r="J33" s="8">
        <v>45936</v>
      </c>
      <c r="K33" s="5" t="s">
        <v>55</v>
      </c>
    </row>
    <row r="34" spans="1:11" s="9" customFormat="1" ht="189" x14ac:dyDescent="0.25">
      <c r="A34" s="5">
        <v>2025</v>
      </c>
      <c r="B34" s="6">
        <v>45901</v>
      </c>
      <c r="C34" s="6">
        <v>45930</v>
      </c>
      <c r="D34" s="7" t="s">
        <v>67</v>
      </c>
      <c r="E34" s="7">
        <v>310187</v>
      </c>
      <c r="F34" s="7" t="s">
        <v>68</v>
      </c>
      <c r="G34" s="8" t="s">
        <v>54</v>
      </c>
      <c r="H34" s="7">
        <v>0.01</v>
      </c>
      <c r="I34" s="7" t="s">
        <v>35</v>
      </c>
      <c r="J34" s="8">
        <v>45936</v>
      </c>
      <c r="K34" s="5" t="s">
        <v>55</v>
      </c>
    </row>
    <row r="35" spans="1:11" s="9" customFormat="1" ht="189" x14ac:dyDescent="0.25">
      <c r="A35" s="5">
        <v>2025</v>
      </c>
      <c r="B35" s="6">
        <v>45901</v>
      </c>
      <c r="C35" s="6">
        <v>45930</v>
      </c>
      <c r="D35" s="7" t="s">
        <v>67</v>
      </c>
      <c r="E35" s="7">
        <v>310188</v>
      </c>
      <c r="F35" s="7" t="s">
        <v>68</v>
      </c>
      <c r="G35" s="8" t="s">
        <v>54</v>
      </c>
      <c r="H35" s="7">
        <v>0.01</v>
      </c>
      <c r="I35" s="7" t="s">
        <v>35</v>
      </c>
      <c r="J35" s="8">
        <v>45936</v>
      </c>
      <c r="K35" s="5" t="s">
        <v>55</v>
      </c>
    </row>
    <row r="36" spans="1:11" s="9" customFormat="1" ht="189" x14ac:dyDescent="0.25">
      <c r="A36" s="5">
        <v>2025</v>
      </c>
      <c r="B36" s="6">
        <v>45901</v>
      </c>
      <c r="C36" s="6">
        <v>45930</v>
      </c>
      <c r="D36" s="7" t="s">
        <v>69</v>
      </c>
      <c r="E36" s="7">
        <v>310189</v>
      </c>
      <c r="F36" s="7" t="s">
        <v>70</v>
      </c>
      <c r="G36" s="8" t="s">
        <v>54</v>
      </c>
      <c r="H36" s="7">
        <v>0.01</v>
      </c>
      <c r="I36" s="7" t="s">
        <v>35</v>
      </c>
      <c r="J36" s="8">
        <v>45936</v>
      </c>
      <c r="K36" s="5" t="s">
        <v>55</v>
      </c>
    </row>
    <row r="37" spans="1:11" s="9" customFormat="1" ht="189" x14ac:dyDescent="0.25">
      <c r="A37" s="5">
        <v>2025</v>
      </c>
      <c r="B37" s="6">
        <v>45901</v>
      </c>
      <c r="C37" s="6">
        <v>45930</v>
      </c>
      <c r="D37" s="7" t="s">
        <v>69</v>
      </c>
      <c r="E37" s="7">
        <v>310190</v>
      </c>
      <c r="F37" s="7" t="s">
        <v>70</v>
      </c>
      <c r="G37" s="8" t="s">
        <v>54</v>
      </c>
      <c r="H37" s="7">
        <v>0.01</v>
      </c>
      <c r="I37" s="7" t="s">
        <v>35</v>
      </c>
      <c r="J37" s="8">
        <v>45936</v>
      </c>
      <c r="K37" s="5" t="s">
        <v>55</v>
      </c>
    </row>
    <row r="38" spans="1:11" s="9" customFormat="1" ht="189" x14ac:dyDescent="0.25">
      <c r="A38" s="5">
        <v>2025</v>
      </c>
      <c r="B38" s="6">
        <v>45901</v>
      </c>
      <c r="C38" s="6">
        <v>45930</v>
      </c>
      <c r="D38" s="7" t="s">
        <v>69</v>
      </c>
      <c r="E38" s="7">
        <v>310191</v>
      </c>
      <c r="F38" s="7" t="s">
        <v>70</v>
      </c>
      <c r="G38" s="8" t="s">
        <v>54</v>
      </c>
      <c r="H38" s="7">
        <v>0.01</v>
      </c>
      <c r="I38" s="7" t="s">
        <v>35</v>
      </c>
      <c r="J38" s="8">
        <v>45936</v>
      </c>
      <c r="K38" s="5" t="s">
        <v>55</v>
      </c>
    </row>
    <row r="39" spans="1:11" s="9" customFormat="1" ht="189" x14ac:dyDescent="0.25">
      <c r="A39" s="5">
        <v>2025</v>
      </c>
      <c r="B39" s="6">
        <v>45901</v>
      </c>
      <c r="C39" s="6">
        <v>45930</v>
      </c>
      <c r="D39" s="7" t="s">
        <v>69</v>
      </c>
      <c r="E39" s="7">
        <v>310192</v>
      </c>
      <c r="F39" s="7" t="s">
        <v>70</v>
      </c>
      <c r="G39" s="8" t="s">
        <v>54</v>
      </c>
      <c r="H39" s="7">
        <v>0.01</v>
      </c>
      <c r="I39" s="7" t="s">
        <v>35</v>
      </c>
      <c r="J39" s="8">
        <v>45936</v>
      </c>
      <c r="K39" s="5" t="s">
        <v>55</v>
      </c>
    </row>
    <row r="40" spans="1:11" s="9" customFormat="1" ht="189" x14ac:dyDescent="0.25">
      <c r="A40" s="5">
        <v>2025</v>
      </c>
      <c r="B40" s="6">
        <v>45901</v>
      </c>
      <c r="C40" s="6">
        <v>45930</v>
      </c>
      <c r="D40" s="7" t="s">
        <v>71</v>
      </c>
      <c r="E40" s="7">
        <v>310193</v>
      </c>
      <c r="F40" s="7" t="s">
        <v>72</v>
      </c>
      <c r="G40" s="8" t="s">
        <v>54</v>
      </c>
      <c r="H40" s="7">
        <v>0.01</v>
      </c>
      <c r="I40" s="7" t="s">
        <v>35</v>
      </c>
      <c r="J40" s="8">
        <v>45936</v>
      </c>
      <c r="K40" s="5" t="s">
        <v>55</v>
      </c>
    </row>
    <row r="41" spans="1:11" s="9" customFormat="1" ht="189" x14ac:dyDescent="0.25">
      <c r="A41" s="5">
        <v>2025</v>
      </c>
      <c r="B41" s="6">
        <v>45901</v>
      </c>
      <c r="C41" s="6">
        <v>45930</v>
      </c>
      <c r="D41" s="7" t="s">
        <v>71</v>
      </c>
      <c r="E41" s="7">
        <v>310194</v>
      </c>
      <c r="F41" s="7" t="s">
        <v>72</v>
      </c>
      <c r="G41" s="8" t="s">
        <v>54</v>
      </c>
      <c r="H41" s="7">
        <v>0.01</v>
      </c>
      <c r="I41" s="7" t="s">
        <v>35</v>
      </c>
      <c r="J41" s="8">
        <v>45936</v>
      </c>
      <c r="K41" s="5" t="s">
        <v>55</v>
      </c>
    </row>
    <row r="42" spans="1:11" s="9" customFormat="1" ht="189" x14ac:dyDescent="0.25">
      <c r="A42" s="5">
        <v>2025</v>
      </c>
      <c r="B42" s="6">
        <v>45901</v>
      </c>
      <c r="C42" s="6">
        <v>45930</v>
      </c>
      <c r="D42" s="7" t="s">
        <v>73</v>
      </c>
      <c r="E42" s="7">
        <v>310195</v>
      </c>
      <c r="F42" s="7" t="s">
        <v>74</v>
      </c>
      <c r="G42" s="8" t="s">
        <v>54</v>
      </c>
      <c r="H42" s="7">
        <v>0.01</v>
      </c>
      <c r="I42" s="7" t="s">
        <v>35</v>
      </c>
      <c r="J42" s="8">
        <v>45936</v>
      </c>
      <c r="K42" s="5" t="s">
        <v>55</v>
      </c>
    </row>
    <row r="43" spans="1:11" s="9" customFormat="1" ht="189" x14ac:dyDescent="0.25">
      <c r="A43" s="5">
        <v>2025</v>
      </c>
      <c r="B43" s="6">
        <v>45901</v>
      </c>
      <c r="C43" s="6">
        <v>45930</v>
      </c>
      <c r="D43" s="7" t="s">
        <v>73</v>
      </c>
      <c r="E43" s="7">
        <v>310196</v>
      </c>
      <c r="F43" s="7" t="s">
        <v>74</v>
      </c>
      <c r="G43" s="8" t="s">
        <v>54</v>
      </c>
      <c r="H43" s="7">
        <v>0.01</v>
      </c>
      <c r="I43" s="7" t="s">
        <v>35</v>
      </c>
      <c r="J43" s="8">
        <v>45936</v>
      </c>
      <c r="K43" s="5" t="s">
        <v>55</v>
      </c>
    </row>
    <row r="44" spans="1:11" s="9" customFormat="1" ht="189" x14ac:dyDescent="0.25">
      <c r="A44" s="5">
        <v>2025</v>
      </c>
      <c r="B44" s="6">
        <v>45901</v>
      </c>
      <c r="C44" s="6">
        <v>45930</v>
      </c>
      <c r="D44" s="7" t="s">
        <v>73</v>
      </c>
      <c r="E44" s="7">
        <v>310197</v>
      </c>
      <c r="F44" s="7" t="s">
        <v>74</v>
      </c>
      <c r="G44" s="8" t="s">
        <v>54</v>
      </c>
      <c r="H44" s="7">
        <v>0.01</v>
      </c>
      <c r="I44" s="7" t="s">
        <v>35</v>
      </c>
      <c r="J44" s="8">
        <v>45936</v>
      </c>
      <c r="K44" s="5" t="s">
        <v>55</v>
      </c>
    </row>
    <row r="45" spans="1:11" s="9" customFormat="1" ht="189" x14ac:dyDescent="0.25">
      <c r="A45" s="5">
        <v>2025</v>
      </c>
      <c r="B45" s="6">
        <v>45901</v>
      </c>
      <c r="C45" s="6">
        <v>45930</v>
      </c>
      <c r="D45" s="7" t="s">
        <v>73</v>
      </c>
      <c r="E45" s="7">
        <v>310198</v>
      </c>
      <c r="F45" s="7" t="s">
        <v>74</v>
      </c>
      <c r="G45" s="8" t="s">
        <v>54</v>
      </c>
      <c r="H45" s="7">
        <v>0.01</v>
      </c>
      <c r="I45" s="7" t="s">
        <v>35</v>
      </c>
      <c r="J45" s="8">
        <v>45936</v>
      </c>
      <c r="K45" s="5" t="s">
        <v>55</v>
      </c>
    </row>
    <row r="46" spans="1:11" s="9" customFormat="1" ht="189" x14ac:dyDescent="0.25">
      <c r="A46" s="5">
        <v>2025</v>
      </c>
      <c r="B46" s="6">
        <v>45901</v>
      </c>
      <c r="C46" s="6">
        <v>45930</v>
      </c>
      <c r="D46" s="7" t="s">
        <v>73</v>
      </c>
      <c r="E46" s="7">
        <v>310199</v>
      </c>
      <c r="F46" s="7" t="s">
        <v>74</v>
      </c>
      <c r="G46" s="8" t="s">
        <v>54</v>
      </c>
      <c r="H46" s="7">
        <v>0.01</v>
      </c>
      <c r="I46" s="7" t="s">
        <v>35</v>
      </c>
      <c r="J46" s="8">
        <v>45936</v>
      </c>
      <c r="K46" s="5" t="s">
        <v>55</v>
      </c>
    </row>
    <row r="47" spans="1:11" s="9" customFormat="1" ht="189" x14ac:dyDescent="0.25">
      <c r="A47" s="5">
        <v>2025</v>
      </c>
      <c r="B47" s="6">
        <v>45901</v>
      </c>
      <c r="C47" s="6">
        <v>45930</v>
      </c>
      <c r="D47" s="7" t="s">
        <v>75</v>
      </c>
      <c r="E47" s="7">
        <v>310200</v>
      </c>
      <c r="F47" s="7" t="s">
        <v>76</v>
      </c>
      <c r="G47" s="8" t="s">
        <v>54</v>
      </c>
      <c r="H47" s="7">
        <v>0.01</v>
      </c>
      <c r="I47" s="7" t="s">
        <v>35</v>
      </c>
      <c r="J47" s="8">
        <v>45936</v>
      </c>
      <c r="K47" s="5" t="s">
        <v>55</v>
      </c>
    </row>
    <row r="48" spans="1:11" s="9" customFormat="1" ht="189" x14ac:dyDescent="0.25">
      <c r="A48" s="5">
        <v>2025</v>
      </c>
      <c r="B48" s="6">
        <v>45901</v>
      </c>
      <c r="C48" s="6">
        <v>45930</v>
      </c>
      <c r="D48" s="7" t="s">
        <v>77</v>
      </c>
      <c r="E48" s="7">
        <v>310201</v>
      </c>
      <c r="F48" s="7" t="s">
        <v>78</v>
      </c>
      <c r="G48" s="8" t="s">
        <v>54</v>
      </c>
      <c r="H48" s="7">
        <v>0.01</v>
      </c>
      <c r="I48" s="7" t="s">
        <v>35</v>
      </c>
      <c r="J48" s="8">
        <v>45936</v>
      </c>
      <c r="K48" s="5" t="s">
        <v>55</v>
      </c>
    </row>
    <row r="49" spans="1:11" s="9" customFormat="1" ht="189" x14ac:dyDescent="0.25">
      <c r="A49" s="5">
        <v>2025</v>
      </c>
      <c r="B49" s="6">
        <v>45901</v>
      </c>
      <c r="C49" s="6">
        <v>45930</v>
      </c>
      <c r="D49" s="7" t="s">
        <v>77</v>
      </c>
      <c r="E49" s="7">
        <v>310202</v>
      </c>
      <c r="F49" s="7" t="s">
        <v>78</v>
      </c>
      <c r="G49" s="8" t="s">
        <v>54</v>
      </c>
      <c r="H49" s="7">
        <v>0.01</v>
      </c>
      <c r="I49" s="7" t="s">
        <v>35</v>
      </c>
      <c r="J49" s="8">
        <v>45936</v>
      </c>
      <c r="K49" s="5" t="s">
        <v>55</v>
      </c>
    </row>
    <row r="50" spans="1:11" s="9" customFormat="1" ht="189" x14ac:dyDescent="0.25">
      <c r="A50" s="5">
        <v>2025</v>
      </c>
      <c r="B50" s="6">
        <v>45901</v>
      </c>
      <c r="C50" s="6">
        <v>45930</v>
      </c>
      <c r="D50" s="7" t="s">
        <v>77</v>
      </c>
      <c r="E50" s="7">
        <v>310203</v>
      </c>
      <c r="F50" s="7" t="s">
        <v>78</v>
      </c>
      <c r="G50" s="8" t="s">
        <v>54</v>
      </c>
      <c r="H50" s="7">
        <v>0.01</v>
      </c>
      <c r="I50" s="7" t="s">
        <v>35</v>
      </c>
      <c r="J50" s="8">
        <v>45936</v>
      </c>
      <c r="K50" s="5" t="s">
        <v>55</v>
      </c>
    </row>
    <row r="51" spans="1:11" s="9" customFormat="1" ht="189" x14ac:dyDescent="0.25">
      <c r="A51" s="5">
        <v>2025</v>
      </c>
      <c r="B51" s="6">
        <v>45901</v>
      </c>
      <c r="C51" s="6">
        <v>45930</v>
      </c>
      <c r="D51" s="7" t="s">
        <v>79</v>
      </c>
      <c r="E51" s="7">
        <v>310204</v>
      </c>
      <c r="F51" s="7" t="s">
        <v>80</v>
      </c>
      <c r="G51" s="8" t="s">
        <v>54</v>
      </c>
      <c r="H51" s="7">
        <v>0.01</v>
      </c>
      <c r="I51" s="7" t="s">
        <v>35</v>
      </c>
      <c r="J51" s="8">
        <v>45936</v>
      </c>
      <c r="K51" s="5" t="s">
        <v>55</v>
      </c>
    </row>
    <row r="52" spans="1:11" s="9" customFormat="1" ht="189" x14ac:dyDescent="0.25">
      <c r="A52" s="5">
        <v>2025</v>
      </c>
      <c r="B52" s="6">
        <v>45901</v>
      </c>
      <c r="C52" s="6">
        <v>45930</v>
      </c>
      <c r="D52" s="7" t="s">
        <v>81</v>
      </c>
      <c r="E52" s="7">
        <v>310205</v>
      </c>
      <c r="F52" s="7" t="s">
        <v>82</v>
      </c>
      <c r="G52" s="8" t="s">
        <v>54</v>
      </c>
      <c r="H52" s="7">
        <v>0.01</v>
      </c>
      <c r="I52" s="7" t="s">
        <v>35</v>
      </c>
      <c r="J52" s="8">
        <v>45936</v>
      </c>
      <c r="K52" s="5" t="s">
        <v>55</v>
      </c>
    </row>
    <row r="53" spans="1:11" s="9" customFormat="1" ht="189" x14ac:dyDescent="0.25">
      <c r="A53" s="5">
        <v>2025</v>
      </c>
      <c r="B53" s="6">
        <v>45901</v>
      </c>
      <c r="C53" s="6">
        <v>45930</v>
      </c>
      <c r="D53" s="7" t="s">
        <v>83</v>
      </c>
      <c r="E53" s="7">
        <v>310206</v>
      </c>
      <c r="F53" s="7" t="s">
        <v>84</v>
      </c>
      <c r="G53" s="8" t="s">
        <v>54</v>
      </c>
      <c r="H53" s="7">
        <v>0.01</v>
      </c>
      <c r="I53" s="7" t="s">
        <v>35</v>
      </c>
      <c r="J53" s="8">
        <v>45936</v>
      </c>
      <c r="K53" s="5" t="s">
        <v>55</v>
      </c>
    </row>
    <row r="54" spans="1:11" s="9" customFormat="1" ht="189" x14ac:dyDescent="0.25">
      <c r="A54" s="5">
        <v>2025</v>
      </c>
      <c r="B54" s="6">
        <v>45901</v>
      </c>
      <c r="C54" s="6">
        <v>45930</v>
      </c>
      <c r="D54" s="7" t="s">
        <v>85</v>
      </c>
      <c r="E54" s="7">
        <v>310207</v>
      </c>
      <c r="F54" s="7" t="s">
        <v>86</v>
      </c>
      <c r="G54" s="8" t="s">
        <v>54</v>
      </c>
      <c r="H54" s="7">
        <v>0.01</v>
      </c>
      <c r="I54" s="7" t="s">
        <v>35</v>
      </c>
      <c r="J54" s="8">
        <v>45936</v>
      </c>
      <c r="K54" s="5" t="s">
        <v>55</v>
      </c>
    </row>
    <row r="55" spans="1:11" s="9" customFormat="1" ht="189" x14ac:dyDescent="0.25">
      <c r="A55" s="5">
        <v>2025</v>
      </c>
      <c r="B55" s="6">
        <v>45901</v>
      </c>
      <c r="C55" s="6">
        <v>45930</v>
      </c>
      <c r="D55" s="7" t="s">
        <v>87</v>
      </c>
      <c r="E55" s="7">
        <v>310208</v>
      </c>
      <c r="F55" s="7" t="s">
        <v>88</v>
      </c>
      <c r="G55" s="8" t="s">
        <v>54</v>
      </c>
      <c r="H55" s="7">
        <v>0.01</v>
      </c>
      <c r="I55" s="7" t="s">
        <v>35</v>
      </c>
      <c r="J55" s="8">
        <v>45936</v>
      </c>
      <c r="K55" s="5" t="s">
        <v>55</v>
      </c>
    </row>
    <row r="56" spans="1:11" s="9" customFormat="1" ht="189" x14ac:dyDescent="0.25">
      <c r="A56" s="5">
        <v>2025</v>
      </c>
      <c r="B56" s="6">
        <v>45901</v>
      </c>
      <c r="C56" s="6">
        <v>45930</v>
      </c>
      <c r="D56" s="7" t="s">
        <v>89</v>
      </c>
      <c r="E56" s="7">
        <v>310209</v>
      </c>
      <c r="F56" s="7" t="s">
        <v>90</v>
      </c>
      <c r="G56" s="8" t="s">
        <v>54</v>
      </c>
      <c r="H56" s="7">
        <v>0.01</v>
      </c>
      <c r="I56" s="7" t="s">
        <v>35</v>
      </c>
      <c r="J56" s="8">
        <v>45936</v>
      </c>
      <c r="K56" s="5" t="s">
        <v>55</v>
      </c>
    </row>
    <row r="57" spans="1:11" s="9" customFormat="1" ht="189" x14ac:dyDescent="0.25">
      <c r="A57" s="5">
        <v>2025</v>
      </c>
      <c r="B57" s="6">
        <v>45901</v>
      </c>
      <c r="C57" s="6">
        <v>45930</v>
      </c>
      <c r="D57" s="7" t="s">
        <v>91</v>
      </c>
      <c r="E57" s="7">
        <v>310210</v>
      </c>
      <c r="F57" s="7" t="s">
        <v>92</v>
      </c>
      <c r="G57" s="8" t="s">
        <v>54</v>
      </c>
      <c r="H57" s="7">
        <v>0.01</v>
      </c>
      <c r="I57" s="7" t="s">
        <v>35</v>
      </c>
      <c r="J57" s="8">
        <v>45936</v>
      </c>
      <c r="K57" s="5" t="s">
        <v>55</v>
      </c>
    </row>
    <row r="58" spans="1:11" s="9" customFormat="1" ht="189" x14ac:dyDescent="0.25">
      <c r="A58" s="5">
        <v>2025</v>
      </c>
      <c r="B58" s="6">
        <v>45901</v>
      </c>
      <c r="C58" s="6">
        <v>45930</v>
      </c>
      <c r="D58" s="7" t="s">
        <v>93</v>
      </c>
      <c r="E58" s="7">
        <v>310211</v>
      </c>
      <c r="F58" s="7" t="s">
        <v>94</v>
      </c>
      <c r="G58" s="8" t="s">
        <v>54</v>
      </c>
      <c r="H58" s="7">
        <v>0.01</v>
      </c>
      <c r="I58" s="7" t="s">
        <v>35</v>
      </c>
      <c r="J58" s="8">
        <v>45936</v>
      </c>
      <c r="K58" s="5" t="s">
        <v>55</v>
      </c>
    </row>
    <row r="59" spans="1:11" s="9" customFormat="1" ht="189" x14ac:dyDescent="0.25">
      <c r="A59" s="5">
        <v>2025</v>
      </c>
      <c r="B59" s="6">
        <v>45901</v>
      </c>
      <c r="C59" s="6">
        <v>45930</v>
      </c>
      <c r="D59" s="7" t="s">
        <v>95</v>
      </c>
      <c r="E59" s="7">
        <v>310212</v>
      </c>
      <c r="F59" s="7" t="s">
        <v>96</v>
      </c>
      <c r="G59" s="8" t="s">
        <v>54</v>
      </c>
      <c r="H59" s="7">
        <v>0.01</v>
      </c>
      <c r="I59" s="7" t="s">
        <v>35</v>
      </c>
      <c r="J59" s="8">
        <v>45936</v>
      </c>
      <c r="K59" s="5" t="s">
        <v>55</v>
      </c>
    </row>
    <row r="60" spans="1:11" s="9" customFormat="1" ht="189" x14ac:dyDescent="0.25">
      <c r="A60" s="5">
        <v>2025</v>
      </c>
      <c r="B60" s="6">
        <v>45901</v>
      </c>
      <c r="C60" s="6">
        <v>45930</v>
      </c>
      <c r="D60" s="7" t="s">
        <v>97</v>
      </c>
      <c r="E60" s="7">
        <v>310213</v>
      </c>
      <c r="F60" s="7" t="s">
        <v>98</v>
      </c>
      <c r="G60" s="8" t="s">
        <v>54</v>
      </c>
      <c r="H60" s="7">
        <v>0.01</v>
      </c>
      <c r="I60" s="7" t="s">
        <v>35</v>
      </c>
      <c r="J60" s="8">
        <v>45936</v>
      </c>
      <c r="K60" s="5" t="s">
        <v>55</v>
      </c>
    </row>
    <row r="61" spans="1:11" s="9" customFormat="1" ht="189" x14ac:dyDescent="0.25">
      <c r="A61" s="5">
        <v>2025</v>
      </c>
      <c r="B61" s="6">
        <v>45901</v>
      </c>
      <c r="C61" s="6">
        <v>45930</v>
      </c>
      <c r="D61" s="7" t="s">
        <v>99</v>
      </c>
      <c r="E61" s="7">
        <v>310214</v>
      </c>
      <c r="F61" s="7" t="s">
        <v>100</v>
      </c>
      <c r="G61" s="8" t="s">
        <v>54</v>
      </c>
      <c r="H61" s="7">
        <v>0.01</v>
      </c>
      <c r="I61" s="7" t="s">
        <v>35</v>
      </c>
      <c r="J61" s="8">
        <v>45936</v>
      </c>
      <c r="K61" s="5" t="s">
        <v>55</v>
      </c>
    </row>
    <row r="62" spans="1:11" s="9" customFormat="1" ht="189" x14ac:dyDescent="0.25">
      <c r="A62" s="5">
        <v>2025</v>
      </c>
      <c r="B62" s="6">
        <v>45901</v>
      </c>
      <c r="C62" s="6">
        <v>45930</v>
      </c>
      <c r="D62" s="7" t="s">
        <v>101</v>
      </c>
      <c r="E62" s="7">
        <v>310215</v>
      </c>
      <c r="F62" s="7" t="s">
        <v>102</v>
      </c>
      <c r="G62" s="8" t="s">
        <v>54</v>
      </c>
      <c r="H62" s="7">
        <v>0.01</v>
      </c>
      <c r="I62" s="7" t="s">
        <v>35</v>
      </c>
      <c r="J62" s="8">
        <v>45936</v>
      </c>
      <c r="K62" s="5" t="s">
        <v>55</v>
      </c>
    </row>
    <row r="63" spans="1:11" s="9" customFormat="1" ht="189" x14ac:dyDescent="0.25">
      <c r="A63" s="5">
        <v>2025</v>
      </c>
      <c r="B63" s="6">
        <v>45901</v>
      </c>
      <c r="C63" s="6">
        <v>45930</v>
      </c>
      <c r="D63" s="7" t="s">
        <v>101</v>
      </c>
      <c r="E63" s="7">
        <v>310216</v>
      </c>
      <c r="F63" s="7" t="s">
        <v>102</v>
      </c>
      <c r="G63" s="8" t="s">
        <v>54</v>
      </c>
      <c r="H63" s="7">
        <v>0.01</v>
      </c>
      <c r="I63" s="7" t="s">
        <v>35</v>
      </c>
      <c r="J63" s="8">
        <v>45936</v>
      </c>
      <c r="K63" s="5" t="s">
        <v>55</v>
      </c>
    </row>
    <row r="64" spans="1:11" s="9" customFormat="1" ht="189" x14ac:dyDescent="0.25">
      <c r="A64" s="5">
        <v>2025</v>
      </c>
      <c r="B64" s="6">
        <v>45901</v>
      </c>
      <c r="C64" s="6">
        <v>45930</v>
      </c>
      <c r="D64" s="7" t="s">
        <v>103</v>
      </c>
      <c r="E64" s="7">
        <v>310217</v>
      </c>
      <c r="F64" s="7" t="s">
        <v>104</v>
      </c>
      <c r="G64" s="8" t="s">
        <v>54</v>
      </c>
      <c r="H64" s="7">
        <v>0.01</v>
      </c>
      <c r="I64" s="7" t="s">
        <v>35</v>
      </c>
      <c r="J64" s="8">
        <v>45936</v>
      </c>
      <c r="K64" s="5" t="s">
        <v>55</v>
      </c>
    </row>
    <row r="65" spans="1:11" s="9" customFormat="1" ht="141.75" x14ac:dyDescent="0.25">
      <c r="A65" s="5">
        <v>2025</v>
      </c>
      <c r="B65" s="6">
        <v>45901</v>
      </c>
      <c r="C65" s="6">
        <v>45930</v>
      </c>
      <c r="D65" s="7" t="s">
        <v>105</v>
      </c>
      <c r="E65" s="7">
        <v>310218</v>
      </c>
      <c r="F65" s="7" t="s">
        <v>106</v>
      </c>
      <c r="G65" s="8" t="s">
        <v>107</v>
      </c>
      <c r="H65" s="7">
        <v>2610258.09</v>
      </c>
      <c r="I65" s="7" t="s">
        <v>35</v>
      </c>
      <c r="J65" s="8">
        <v>45936</v>
      </c>
      <c r="K65" s="7" t="s">
        <v>36</v>
      </c>
    </row>
    <row r="66" spans="1:11" s="9" customFormat="1" ht="141.75" x14ac:dyDescent="0.25">
      <c r="A66" s="5">
        <v>2025</v>
      </c>
      <c r="B66" s="6">
        <v>45901</v>
      </c>
      <c r="C66" s="6">
        <v>45930</v>
      </c>
      <c r="D66" s="7" t="s">
        <v>108</v>
      </c>
      <c r="E66" s="7">
        <v>310219</v>
      </c>
      <c r="F66" s="7" t="s">
        <v>109</v>
      </c>
      <c r="G66" s="8" t="s">
        <v>107</v>
      </c>
      <c r="H66" s="7">
        <v>36250</v>
      </c>
      <c r="I66" s="7" t="s">
        <v>35</v>
      </c>
      <c r="J66" s="8">
        <v>45936</v>
      </c>
      <c r="K66" s="7" t="s">
        <v>36</v>
      </c>
    </row>
    <row r="67" spans="1:11" s="9" customFormat="1" ht="141.75" x14ac:dyDescent="0.25">
      <c r="A67" s="5">
        <v>2025</v>
      </c>
      <c r="B67" s="6">
        <v>45901</v>
      </c>
      <c r="C67" s="6">
        <v>45930</v>
      </c>
      <c r="D67" s="7" t="s">
        <v>110</v>
      </c>
      <c r="E67" s="7">
        <v>310220</v>
      </c>
      <c r="F67" s="7" t="s">
        <v>109</v>
      </c>
      <c r="G67" s="8" t="s">
        <v>107</v>
      </c>
      <c r="H67" s="7">
        <v>36250</v>
      </c>
      <c r="I67" s="7" t="s">
        <v>35</v>
      </c>
      <c r="J67" s="8">
        <v>45936</v>
      </c>
      <c r="K67" s="7" t="s">
        <v>36</v>
      </c>
    </row>
    <row r="68" spans="1:11" s="9" customFormat="1" ht="141.75" x14ac:dyDescent="0.25">
      <c r="A68" s="5">
        <v>2025</v>
      </c>
      <c r="B68" s="6">
        <v>45901</v>
      </c>
      <c r="C68" s="6">
        <v>45930</v>
      </c>
      <c r="D68" s="7" t="s">
        <v>111</v>
      </c>
      <c r="E68" s="7">
        <v>310221</v>
      </c>
      <c r="F68" s="7" t="s">
        <v>109</v>
      </c>
      <c r="G68" s="8" t="s">
        <v>107</v>
      </c>
      <c r="H68" s="7">
        <v>36250</v>
      </c>
      <c r="I68" s="7" t="s">
        <v>35</v>
      </c>
      <c r="J68" s="8">
        <v>45936</v>
      </c>
      <c r="K68" s="7" t="s">
        <v>36</v>
      </c>
    </row>
    <row r="69" spans="1:11" s="9" customFormat="1" ht="141.75" x14ac:dyDescent="0.25">
      <c r="A69" s="5">
        <v>2025</v>
      </c>
      <c r="B69" s="6">
        <v>45901</v>
      </c>
      <c r="C69" s="6">
        <v>45930</v>
      </c>
      <c r="D69" s="7" t="s">
        <v>112</v>
      </c>
      <c r="E69" s="7">
        <v>310222</v>
      </c>
      <c r="F69" s="7" t="s">
        <v>109</v>
      </c>
      <c r="G69" s="8" t="s">
        <v>107</v>
      </c>
      <c r="H69" s="7">
        <v>36250</v>
      </c>
      <c r="I69" s="7" t="s">
        <v>35</v>
      </c>
      <c r="J69" s="8">
        <v>45936</v>
      </c>
      <c r="K69" s="7" t="s">
        <v>36</v>
      </c>
    </row>
  </sheetData>
  <mergeCells count="8">
    <mergeCell ref="A1:K1"/>
    <mergeCell ref="A6:K6"/>
    <mergeCell ref="A2:C2"/>
    <mergeCell ref="D2:F2"/>
    <mergeCell ref="G2:I2"/>
    <mergeCell ref="A3:C3"/>
    <mergeCell ref="D3:F3"/>
    <mergeCell ref="G3:I3"/>
  </mergeCells>
  <pageMargins left="0.7" right="0.7" top="0.75" bottom="0.75" header="0.3" footer="0.3"/>
  <pageSetup orientation="portrait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porte de Formato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Cano Maldonado Jair Benjamin</cp:lastModifiedBy>
  <dcterms:created xsi:type="dcterms:W3CDTF">2025-02-06T20:13:50Z</dcterms:created>
  <dcterms:modified xsi:type="dcterms:W3CDTF">2025-10-08T18:57:52Z</dcterms:modified>
</cp:coreProperties>
</file>